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25"/>
  </p:notesMasterIdLst>
  <p:handoutMasterIdLst>
    <p:handoutMasterId r:id="rId26"/>
  </p:handoutMasterIdLst>
  <p:sldIdLst>
    <p:sldId id="260" r:id="rId18"/>
    <p:sldId id="257" r:id="rId19"/>
    <p:sldId id="261" r:id="rId20"/>
    <p:sldId id="262" r:id="rId21"/>
    <p:sldId id="263" r:id="rId22"/>
    <p:sldId id="264" r:id="rId23"/>
    <p:sldId id="256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F452009-8A35-40D9-83FB-D711855E61D8}" v="23" dt="2023-05-26T09:20:12.45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644" y="5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ajar Habbou" userId="2d108232-c611-479a-ad69-ee3a5d273e60" providerId="ADAL" clId="{2F452009-8A35-40D9-83FB-D711855E61D8}"/>
    <pc:docChg chg="custSel addSld delSld modSld">
      <pc:chgData name="Hajar Habbou" userId="2d108232-c611-479a-ad69-ee3a5d273e60" providerId="ADAL" clId="{2F452009-8A35-40D9-83FB-D711855E61D8}" dt="2023-05-26T09:20:15.261" v="95" actId="47"/>
      <pc:docMkLst>
        <pc:docMk/>
      </pc:docMkLst>
      <pc:sldChg chg="modSp mod">
        <pc:chgData name="Hajar Habbou" userId="2d108232-c611-479a-ad69-ee3a5d273e60" providerId="ADAL" clId="{2F452009-8A35-40D9-83FB-D711855E61D8}" dt="2023-05-23T08:47:18.212" v="76" actId="20577"/>
        <pc:sldMkLst>
          <pc:docMk/>
          <pc:sldMk cId="1606282797" sldId="261"/>
        </pc:sldMkLst>
        <pc:spChg chg="mod">
          <ac:chgData name="Hajar Habbou" userId="2d108232-c611-479a-ad69-ee3a5d273e60" providerId="ADAL" clId="{2F452009-8A35-40D9-83FB-D711855E61D8}" dt="2023-05-23T08:47:18.212" v="76" actId="20577"/>
          <ac:spMkLst>
            <pc:docMk/>
            <pc:sldMk cId="1606282797" sldId="261"/>
            <ac:spMk id="8" creationId="{99BC9C4B-78AD-B3B9-F0A2-68622E52D027}"/>
          </ac:spMkLst>
        </pc:spChg>
      </pc:sldChg>
      <pc:sldChg chg="modSp">
        <pc:chgData name="Hajar Habbou" userId="2d108232-c611-479a-ad69-ee3a5d273e60" providerId="ADAL" clId="{2F452009-8A35-40D9-83FB-D711855E61D8}" dt="2023-05-26T09:17:37.792" v="81"/>
        <pc:sldMkLst>
          <pc:docMk/>
          <pc:sldMk cId="2894747928" sldId="262"/>
        </pc:sldMkLst>
        <pc:graphicFrameChg chg="mod">
          <ac:chgData name="Hajar Habbou" userId="2d108232-c611-479a-ad69-ee3a5d273e60" providerId="ADAL" clId="{2F452009-8A35-40D9-83FB-D711855E61D8}" dt="2023-05-26T09:17:37.792" v="81"/>
          <ac:graphicFrameMkLst>
            <pc:docMk/>
            <pc:sldMk cId="2894747928" sldId="262"/>
            <ac:graphicFrameMk id="7" creationId="{9743D3AF-09BB-E39F-03CB-8C1B6AAE09F6}"/>
          </ac:graphicFrameMkLst>
        </pc:graphicFrameChg>
      </pc:sldChg>
      <pc:sldChg chg="modSp">
        <pc:chgData name="Hajar Habbou" userId="2d108232-c611-479a-ad69-ee3a5d273e60" providerId="ADAL" clId="{2F452009-8A35-40D9-83FB-D711855E61D8}" dt="2023-05-26T09:19:09.035" v="87"/>
        <pc:sldMkLst>
          <pc:docMk/>
          <pc:sldMk cId="2181320486" sldId="263"/>
        </pc:sldMkLst>
        <pc:graphicFrameChg chg="mod">
          <ac:chgData name="Hajar Habbou" userId="2d108232-c611-479a-ad69-ee3a5d273e60" providerId="ADAL" clId="{2F452009-8A35-40D9-83FB-D711855E61D8}" dt="2023-05-26T09:19:09.035" v="87"/>
          <ac:graphicFrameMkLst>
            <pc:docMk/>
            <pc:sldMk cId="2181320486" sldId="263"/>
            <ac:graphicFrameMk id="7" creationId="{9743D3AF-09BB-E39F-03CB-8C1B6AAE09F6}"/>
          </ac:graphicFrameMkLst>
        </pc:graphicFrameChg>
      </pc:sldChg>
      <pc:sldChg chg="modSp">
        <pc:chgData name="Hajar Habbou" userId="2d108232-c611-479a-ad69-ee3a5d273e60" providerId="ADAL" clId="{2F452009-8A35-40D9-83FB-D711855E61D8}" dt="2023-05-26T09:20:12.453" v="94"/>
        <pc:sldMkLst>
          <pc:docMk/>
          <pc:sldMk cId="2696012173" sldId="264"/>
        </pc:sldMkLst>
        <pc:graphicFrameChg chg="mod">
          <ac:chgData name="Hajar Habbou" userId="2d108232-c611-479a-ad69-ee3a5d273e60" providerId="ADAL" clId="{2F452009-8A35-40D9-83FB-D711855E61D8}" dt="2023-05-26T09:20:12.453" v="94"/>
          <ac:graphicFrameMkLst>
            <pc:docMk/>
            <pc:sldMk cId="2696012173" sldId="264"/>
            <ac:graphicFrameMk id="7" creationId="{9743D3AF-09BB-E39F-03CB-8C1B6AAE09F6}"/>
          </ac:graphicFrameMkLst>
        </pc:graphicFrameChg>
      </pc:sldChg>
      <pc:sldChg chg="add del">
        <pc:chgData name="Hajar Habbou" userId="2d108232-c611-479a-ad69-ee3a5d273e60" providerId="ADAL" clId="{2F452009-8A35-40D9-83FB-D711855E61D8}" dt="2023-05-26T09:19:14.447" v="88" actId="47"/>
        <pc:sldMkLst>
          <pc:docMk/>
          <pc:sldMk cId="3304425973" sldId="265"/>
        </pc:sldMkLst>
      </pc:sldChg>
      <pc:sldChg chg="add del">
        <pc:chgData name="Hajar Habbou" userId="2d108232-c611-479a-ad69-ee3a5d273e60" providerId="ADAL" clId="{2F452009-8A35-40D9-83FB-D711855E61D8}" dt="2023-05-26T09:20:15.261" v="95" actId="47"/>
        <pc:sldMkLst>
          <pc:docMk/>
          <pc:sldMk cId="3610613501" sldId="265"/>
        </pc:sldMkLst>
      </pc:sldChg>
      <pc:sldChg chg="add del">
        <pc:chgData name="Hajar Habbou" userId="2d108232-c611-479a-ad69-ee3a5d273e60" providerId="ADAL" clId="{2F452009-8A35-40D9-83FB-D711855E61D8}" dt="2023-05-26T09:17:54.458" v="82" actId="47"/>
        <pc:sldMkLst>
          <pc:docMk/>
          <pc:sldMk cId="4215819062" sldId="265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Updates from </a:t>
            </a:r>
            <a:r>
              <a:rPr lang="en-GB" dirty="0" err="1"/>
              <a:t>hydesign</a:t>
            </a:r>
            <a:r>
              <a:rPr lang="en-GB" dirty="0"/>
              <a:t> V0 to V1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major updates from </a:t>
            </a:r>
            <a:r>
              <a:rPr lang="en-GB" dirty="0" err="1"/>
              <a:t>hydesign</a:t>
            </a:r>
            <a:r>
              <a:rPr lang="en-GB" dirty="0"/>
              <a:t> V0 to V1 include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2X model and sizing</a:t>
            </a:r>
          </a:p>
          <a:p>
            <a:r>
              <a:rPr lang="en-GB" dirty="0"/>
              <a:t>More efficient EGO algorithm</a:t>
            </a:r>
          </a:p>
          <a:p>
            <a:r>
              <a:rPr lang="en-GB" dirty="0"/>
              <a:t>Exercise notebooks</a:t>
            </a:r>
          </a:p>
          <a:p>
            <a:r>
              <a:rPr lang="en-GB" dirty="0"/>
              <a:t>A more accurate battery degradation model</a:t>
            </a:r>
          </a:p>
          <a:p>
            <a:r>
              <a:rPr lang="en-GB" dirty="0"/>
              <a:t>Long term EMS to take into account degradation of PV and battery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99392"/>
            <a:ext cx="9312374" cy="972716"/>
          </a:xfrm>
        </p:spPr>
        <p:txBody>
          <a:bodyPr/>
          <a:lstStyle/>
          <a:p>
            <a:r>
              <a:rPr lang="en-GB" dirty="0"/>
              <a:t>Evaluation results comparison</a:t>
            </a:r>
            <a:br>
              <a:rPr lang="en-GB" dirty="0"/>
            </a:br>
            <a:r>
              <a:rPr lang="en-GB" sz="2400" b="0" dirty="0"/>
              <a:t>Site: France good wind site</a:t>
            </a:r>
            <a:endParaRPr lang="en-GB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8" name="Content Placeholder 5">
            <a:extLst>
              <a:ext uri="{FF2B5EF4-FFF2-40B4-BE49-F238E27FC236}">
                <a16:creationId xmlns:a16="http://schemas.microsoft.com/office/drawing/2014/main" id="{99BC9C4B-78AD-B3B9-F0A2-68622E52D02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124744"/>
            <a:ext cx="9312374" cy="5127162"/>
          </a:xfrm>
        </p:spPr>
        <p:txBody>
          <a:bodyPr/>
          <a:lstStyle/>
          <a:p>
            <a:pPr marL="0" indent="0">
              <a:buNone/>
            </a:pPr>
            <a:r>
              <a:rPr lang="en-GB" dirty="0"/>
              <a:t>We run model evaluations for the three designs, and compare the evaluation results between the </a:t>
            </a:r>
            <a:r>
              <a:rPr lang="en-GB"/>
              <a:t>two versions: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100% of the grid in Wind capacity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100% of the grid in PV capacity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50% Wind + 50% PV + 3h (20% grid in battery MW) )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0628279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99392"/>
            <a:ext cx="9312374" cy="972716"/>
          </a:xfrm>
        </p:spPr>
        <p:txBody>
          <a:bodyPr/>
          <a:lstStyle/>
          <a:p>
            <a:r>
              <a:rPr lang="en-GB" dirty="0"/>
              <a:t>Evaluation results comparison</a:t>
            </a:r>
            <a:br>
              <a:rPr lang="en-GB" dirty="0"/>
            </a:br>
            <a:r>
              <a:rPr lang="en-GB" sz="2400" b="0" dirty="0"/>
              <a:t>Site: France good wind site</a:t>
            </a:r>
            <a:endParaRPr lang="en-GB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9743D3AF-09BB-E39F-03CB-8C1B6AAE09F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80880403"/>
              </p:ext>
            </p:extLst>
          </p:nvPr>
        </p:nvGraphicFramePr>
        <p:xfrm>
          <a:off x="0" y="894328"/>
          <a:ext cx="12190416" cy="566639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41488">
                  <a:extLst>
                    <a:ext uri="{9D8B030D-6E8A-4147-A177-3AD203B41FA5}">
                      <a16:colId xmlns:a16="http://schemas.microsoft.com/office/drawing/2014/main" val="129762157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1280846386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541336874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60963940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85227261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760665579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106082577"/>
                    </a:ext>
                  </a:extLst>
                </a:gridCol>
              </a:tblGrid>
              <a:tr h="230416">
                <a:tc>
                  <a:txBody>
                    <a:bodyPr/>
                    <a:lstStyle/>
                    <a:p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OL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04466453"/>
                  </a:ext>
                </a:extLst>
              </a:tr>
              <a:tr h="264621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longitude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864258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93389381"/>
                  </a:ext>
                </a:extLst>
              </a:tr>
              <a:tr h="278333">
                <a:tc>
                  <a:txBody>
                    <a:bodyPr/>
                    <a:lstStyle/>
                    <a:p>
                      <a:r>
                        <a:rPr lang="da-DK" sz="1200" dirty="0"/>
                        <a:t>latitud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8.744116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220640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altitude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2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4319652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learance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76972786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p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2/W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5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355020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_rated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W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68292592"/>
                  </a:ext>
                </a:extLst>
              </a:tr>
              <a:tr h="216024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Nwt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04997927"/>
                  </a:ext>
                </a:extLst>
              </a:tr>
              <a:tr h="229736"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ind_MW_per_km2 [MW/km2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23864018"/>
                  </a:ext>
                </a:extLst>
              </a:tr>
              <a:tr h="204584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olar_MW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W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5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4607208"/>
                  </a:ext>
                </a:extLst>
              </a:tr>
              <a:tr h="146288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urface_tilt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</a:t>
                      </a:r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eg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5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6497025"/>
                  </a:ext>
                </a:extLst>
              </a:tr>
              <a:tr h="304016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urface_azimuth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</a:t>
                      </a:r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eg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80.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54223993"/>
                  </a:ext>
                </a:extLst>
              </a:tr>
              <a:tr h="216024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C_AC_ratio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.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034431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b_P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W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0.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4443825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b_E_h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h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.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.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.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12455970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 err="1"/>
                        <a:t>cost_of_battery_P_fluct_in_peak_price_ratio</a:t>
                      </a:r>
                      <a:endParaRPr lang="en-US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-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-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-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4064222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 err="1"/>
                        <a:t>NPV_over_CAPEX</a:t>
                      </a:r>
                      <a:endParaRPr lang="en-US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7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6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3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32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5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.56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84785751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NPV [</a:t>
                      </a:r>
                      <a:r>
                        <a:rPr lang="en-US" sz="1200" dirty="0" err="1"/>
                        <a:t>MEuro</a:t>
                      </a:r>
                      <a:r>
                        <a:rPr lang="en-US" sz="1200" dirty="0"/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204.5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64.4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51.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47.4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27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21.6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00951330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IR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1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1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0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0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1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11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8597415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947479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99392"/>
            <a:ext cx="9312374" cy="972716"/>
          </a:xfrm>
        </p:spPr>
        <p:txBody>
          <a:bodyPr/>
          <a:lstStyle/>
          <a:p>
            <a:r>
              <a:rPr lang="en-GB" dirty="0"/>
              <a:t>Evaluation results comparison</a:t>
            </a:r>
            <a:br>
              <a:rPr lang="en-GB" dirty="0"/>
            </a:br>
            <a:r>
              <a:rPr lang="en-GB" sz="2400" b="0" dirty="0"/>
              <a:t>Site: France good wind site</a:t>
            </a:r>
            <a:endParaRPr lang="en-GB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9743D3AF-09BB-E39F-03CB-8C1B6AAE09F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6942002"/>
              </p:ext>
            </p:extLst>
          </p:nvPr>
        </p:nvGraphicFramePr>
        <p:xfrm>
          <a:off x="0" y="894328"/>
          <a:ext cx="12190416" cy="566639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41488">
                  <a:extLst>
                    <a:ext uri="{9D8B030D-6E8A-4147-A177-3AD203B41FA5}">
                      <a16:colId xmlns:a16="http://schemas.microsoft.com/office/drawing/2014/main" val="129762157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1280846386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541336874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60963940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85227261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760665579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106082577"/>
                    </a:ext>
                  </a:extLst>
                </a:gridCol>
              </a:tblGrid>
              <a:tr h="230416">
                <a:tc>
                  <a:txBody>
                    <a:bodyPr/>
                    <a:lstStyle/>
                    <a:p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OL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04466453"/>
                  </a:ext>
                </a:extLst>
              </a:tr>
              <a:tr h="264621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LCOE [Euro/MWh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20.8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it-IT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23.1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.39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.0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4.0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6.22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93389381"/>
                  </a:ext>
                </a:extLst>
              </a:tr>
              <a:tr h="278333">
                <a:tc>
                  <a:txBody>
                    <a:bodyPr/>
                    <a:lstStyle/>
                    <a:p>
                      <a:r>
                        <a:rPr lang="da-DK" sz="1200" dirty="0"/>
                        <a:t>CAPEX [</a:t>
                      </a:r>
                      <a:r>
                        <a:rPr lang="da-DK" sz="1200" dirty="0" err="1"/>
                        <a:t>MEuro</a:t>
                      </a:r>
                      <a:r>
                        <a:rPr lang="da-DK" sz="1200" dirty="0"/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289.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270.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147.7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147.7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/>
                        <a:t>228.34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218.9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220640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pt-BR" sz="1200" dirty="0"/>
                        <a:t>OPEX [Meuro]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5.52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5.2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2.0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2.0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3.7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dirty="0"/>
                        <a:t>3.66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4319652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ind CAPEX [</a:t>
                      </a:r>
                      <a:r>
                        <a:rPr lang="en-US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9.29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10.5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14.6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05.29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76972786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ind OPEX [</a:t>
                      </a:r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.52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.28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.7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.65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355020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V CAPEX [</a:t>
                      </a:r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9.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9.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9.7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9.75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68292592"/>
                  </a:ext>
                </a:extLst>
              </a:tr>
              <a:tr h="216024">
                <a:tc>
                  <a:txBody>
                    <a:bodyPr/>
                    <a:lstStyle/>
                    <a:p>
                      <a:r>
                        <a:rPr lang="pt-B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V OPEX [MEuro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.0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.0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.0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pt-B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.01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04997927"/>
                  </a:ext>
                </a:extLst>
              </a:tr>
              <a:tr h="229736"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Batt CAPEX [</a:t>
                      </a:r>
                      <a:r>
                        <a:rPr lang="fr-FR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0.4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0.41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23864018"/>
                  </a:ext>
                </a:extLst>
              </a:tr>
              <a:tr h="204584">
                <a:tc>
                  <a:txBody>
                    <a:bodyPr/>
                    <a:lstStyle/>
                    <a:p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Batt OPEX [</a:t>
                      </a:r>
                      <a:r>
                        <a:rPr lang="fr-FR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fr-FR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4607208"/>
                  </a:ext>
                </a:extLst>
              </a:tr>
              <a:tr h="146288">
                <a:tc>
                  <a:txBody>
                    <a:bodyPr/>
                    <a:lstStyle/>
                    <a:p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enalty lifetime [</a:t>
                      </a:r>
                      <a:r>
                        <a:rPr lang="en-US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uro</a:t>
                      </a:r>
                      <a:r>
                        <a:rPr lang="en-US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fr-FR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6497025"/>
                  </a:ext>
                </a:extLst>
              </a:tr>
              <a:tr h="304016"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AEP [GWh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286.35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111.34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12.84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14.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56.9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65.12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54223993"/>
                  </a:ext>
                </a:extLst>
              </a:tr>
              <a:tr h="216024">
                <a:tc>
                  <a:txBody>
                    <a:bodyPr/>
                    <a:lstStyle/>
                    <a:p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UF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49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42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16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16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33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.29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034431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da-DK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rid</a:t>
                      </a: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MW]	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kumimoji="0" lang="da-DK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lang="da-DK" sz="1200" b="0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300</a:t>
                      </a:r>
                      <a:endParaRPr lang="da-DK" sz="1200" b="0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4443825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de-D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ind [MW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5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12455970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solar [MW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3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3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15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1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4064222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Battery Energy [MWh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8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18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84785751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Battery Power [MW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6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60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00951330"/>
                  </a:ext>
                </a:extLst>
              </a:tr>
              <a:tr h="251440">
                <a:tc>
                  <a:txBody>
                    <a:bodyPr/>
                    <a:lstStyle/>
                    <a:p>
                      <a:r>
                        <a:rPr lang="en-US" sz="1200" dirty="0"/>
                        <a:t>Total curtailment [GWh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0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0.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8597415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13204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-99392"/>
            <a:ext cx="9312374" cy="972716"/>
          </a:xfrm>
        </p:spPr>
        <p:txBody>
          <a:bodyPr/>
          <a:lstStyle/>
          <a:p>
            <a:r>
              <a:rPr lang="en-GB" dirty="0"/>
              <a:t>Evaluation results comparison</a:t>
            </a:r>
            <a:br>
              <a:rPr lang="en-GB" dirty="0"/>
            </a:br>
            <a:r>
              <a:rPr lang="en-GB" sz="2400" b="0" dirty="0"/>
              <a:t>Site: France good wind site</a:t>
            </a:r>
            <a:endParaRPr lang="en-GB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aphicFrame>
        <p:nvGraphicFramePr>
          <p:cNvPr id="7" name="Table 7">
            <a:extLst>
              <a:ext uri="{FF2B5EF4-FFF2-40B4-BE49-F238E27FC236}">
                <a16:creationId xmlns:a16="http://schemas.microsoft.com/office/drawing/2014/main" id="{9743D3AF-09BB-E39F-03CB-8C1B6AAE09F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78249794"/>
              </p:ext>
            </p:extLst>
          </p:nvPr>
        </p:nvGraphicFramePr>
        <p:xfrm>
          <a:off x="0" y="894328"/>
          <a:ext cx="12190416" cy="140303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41488">
                  <a:extLst>
                    <a:ext uri="{9D8B030D-6E8A-4147-A177-3AD203B41FA5}">
                      <a16:colId xmlns:a16="http://schemas.microsoft.com/office/drawing/2014/main" val="129762157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1280846386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541336874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60963940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852272612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760665579"/>
                    </a:ext>
                  </a:extLst>
                </a:gridCol>
                <a:gridCol w="1741488">
                  <a:extLst>
                    <a:ext uri="{9D8B030D-6E8A-4147-A177-3AD203B41FA5}">
                      <a16:colId xmlns:a16="http://schemas.microsoft.com/office/drawing/2014/main" val="2106082577"/>
                    </a:ext>
                  </a:extLst>
                </a:gridCol>
              </a:tblGrid>
              <a:tr h="230416">
                <a:tc>
                  <a:txBody>
                    <a:bodyPr/>
                    <a:lstStyle/>
                    <a:p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1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2 OL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NEW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200" dirty="0"/>
                        <a:t>Design 3 OL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04466453"/>
                  </a:ext>
                </a:extLst>
              </a:tr>
              <a:tr h="264621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sv-SE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Awpp</a:t>
                      </a:r>
                      <a:r>
                        <a:rPr lang="sv-S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[km2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sv-S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2.8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sv-S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2.86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sv-S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1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sv-SE" sz="1200" b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1.43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93389381"/>
                  </a:ext>
                </a:extLst>
              </a:tr>
              <a:tr h="278333">
                <a:tc>
                  <a:txBody>
                    <a:bodyPr/>
                    <a:lstStyle/>
                    <a:p>
                      <a:r>
                        <a:rPr lang="pt-BR" sz="1200" dirty="0"/>
                        <a:t>Rotor diam [m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34.87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220640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pt-BR" sz="1200" dirty="0"/>
                        <a:t>Hub height [m]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pt-BR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77.43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4319652"/>
                  </a:ext>
                </a:extLst>
              </a:tr>
              <a:tr h="288032">
                <a:tc>
                  <a:txBody>
                    <a:bodyPr/>
                    <a:lstStyle/>
                    <a:p>
                      <a:r>
                        <a:rPr lang="en-US" sz="1200" b="0" kern="1200" dirty="0" err="1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Number_of_batteries</a:t>
                      </a:r>
                      <a:endParaRPr lang="en-US" sz="1200" b="0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0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</a:t>
                      </a:r>
                      <a:endParaRPr lang="da-DK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1</a:t>
                      </a:r>
                      <a:endParaRPr lang="da-DK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7697278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960121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10.xml><?xml version="1.0" encoding="utf-8"?>
<ds:datastoreItem xmlns:ds="http://schemas.openxmlformats.org/officeDocument/2006/customXml" ds:itemID="{E6DFD07E-27DF-4124-BC0F-CC1246D85610}">
  <ds:schemaRefs/>
</ds:datastoreItem>
</file>

<file path=customXml/itemProps11.xml><?xml version="1.0" encoding="utf-8"?>
<ds:datastoreItem xmlns:ds="http://schemas.openxmlformats.org/officeDocument/2006/customXml" ds:itemID="{2A70212E-006A-4196-A53E-487E10AD977A}">
  <ds:schemaRefs/>
</ds:datastoreItem>
</file>

<file path=customXml/itemProps12.xml><?xml version="1.0" encoding="utf-8"?>
<ds:datastoreItem xmlns:ds="http://schemas.openxmlformats.org/officeDocument/2006/customXml" ds:itemID="{88B9D903-09B5-4935-A114-81EC4D48FE8F}">
  <ds:schemaRefs/>
</ds:datastoreItem>
</file>

<file path=customXml/itemProps13.xml><?xml version="1.0" encoding="utf-8"?>
<ds:datastoreItem xmlns:ds="http://schemas.openxmlformats.org/officeDocument/2006/customXml" ds:itemID="{6F0203E5-C05C-49F7-AC88-52D9C916E781}">
  <ds:schemaRefs/>
</ds:datastoreItem>
</file>

<file path=customXml/itemProps14.xml><?xml version="1.0" encoding="utf-8"?>
<ds:datastoreItem xmlns:ds="http://schemas.openxmlformats.org/officeDocument/2006/customXml" ds:itemID="{7725469A-C9BA-4129-9438-85B6E08F30F2}">
  <ds:schemaRefs/>
</ds:datastoreItem>
</file>

<file path=customXml/itemProps15.xml><?xml version="1.0" encoding="utf-8"?>
<ds:datastoreItem xmlns:ds="http://schemas.openxmlformats.org/officeDocument/2006/customXml" ds:itemID="{E5957E33-0059-46CE-AE7B-582F67E40B53}">
  <ds:schemaRefs/>
</ds:datastoreItem>
</file>

<file path=customXml/itemProps16.xml><?xml version="1.0" encoding="utf-8"?>
<ds:datastoreItem xmlns:ds="http://schemas.openxmlformats.org/officeDocument/2006/customXml" ds:itemID="{8660AB89-308F-4A34-B01B-CC1A9333F1B1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customXml/itemProps5.xml><?xml version="1.0" encoding="utf-8"?>
<ds:datastoreItem xmlns:ds="http://schemas.openxmlformats.org/officeDocument/2006/customXml" ds:itemID="{F4C08C7F-F953-44DE-ACDE-930692BDDB0F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0D668DC3-BB2D-41D5-9830-5AC1E7936DA4}">
  <ds:schemaRefs/>
</ds:datastoreItem>
</file>

<file path=customXml/itemProps8.xml><?xml version="1.0" encoding="utf-8"?>
<ds:datastoreItem xmlns:ds="http://schemas.openxmlformats.org/officeDocument/2006/customXml" ds:itemID="{76C768DC-1A12-4AB1-985C-51FF20620E2A}">
  <ds:schemaRefs/>
</ds:datastoreItem>
</file>

<file path=customXml/itemProps9.xml><?xml version="1.0" encoding="utf-8"?>
<ds:datastoreItem xmlns:ds="http://schemas.openxmlformats.org/officeDocument/2006/customXml" ds:itemID="{87D696D7-25C3-4B5B-BD04-F4C5934E96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117</TotalTime>
  <Words>636</Words>
  <Application>Microsoft Office PowerPoint</Application>
  <PresentationFormat>Custom</PresentationFormat>
  <Paragraphs>322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Calibri</vt:lpstr>
      <vt:lpstr>Verdana</vt:lpstr>
      <vt:lpstr>Blank</vt:lpstr>
      <vt:lpstr>Updates from hydesign V0 to V1</vt:lpstr>
      <vt:lpstr>The major updates from hydesign V0 to V1 include:</vt:lpstr>
      <vt:lpstr>Evaluation results comparison Site: France good wind site</vt:lpstr>
      <vt:lpstr>Evaluation results comparison Site: France good wind site</vt:lpstr>
      <vt:lpstr>Evaluation results comparison Site: France good wind site</vt:lpstr>
      <vt:lpstr>Evaluation results comparison Site: France good wind site</vt:lpstr>
      <vt:lpstr>PowerPoint Presentation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Updates from hydesign V0 to V1</dc:title>
  <dc:creator>Hajar Habbou</dc:creator>
  <cp:lastModifiedBy>Hajar Habbou</cp:lastModifiedBy>
  <cp:revision>1</cp:revision>
  <dcterms:created xsi:type="dcterms:W3CDTF">2023-05-17T12:12:25Z</dcterms:created>
  <dcterms:modified xsi:type="dcterms:W3CDTF">2023-05-26T09:20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